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4331573-ECAB-4886-BA50-EBD18124E9D8}" v="10" dt="2024-11-27T13:07:57.24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03" d="100"/>
          <a:sy n="103" d="100"/>
        </p:scale>
        <p:origin x="139" y="221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7/11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1/2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sc156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4C8D5E7D-B7D0-956A-CC67-9F47B016CA2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GRADIENT" hidden="1">
            <a:extLst>
              <a:ext uri="{FF2B5EF4-FFF2-40B4-BE49-F238E27FC236}">
                <a16:creationId xmlns:a16="http://schemas.microsoft.com/office/drawing/2014/main" id="{1F2D0138-A200-A91F-7B3D-2516AE2A5E50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Slot</a:t>
            </a:r>
            <a:r>
              <a:rPr lang="en-US" sz="1600" b="1" dirty="0">
                <a:solidFill>
                  <a:srgbClr val="1E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Conference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lang="en-US" sz="1400" b="1" dirty="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Slot Conferenc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A038923-FFF2-2388-BD59-A0D9B285328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62923" y="3689301"/>
            <a:ext cx="4866154" cy="27328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" r="79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c14082f75fa0f0474eca9088e1a17ed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975ce81d237c2fc5c3e2222343c5fc28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http://purl.org/dc/terms/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86e16ca4-215f-4354-b2b5-4fac53992da1"/>
    <ds:schemaRef ds:uri="http://purl.org/dc/elements/1.1/"/>
    <ds:schemaRef ds:uri="http://schemas.microsoft.com/office/2006/metadata/properties"/>
    <ds:schemaRef ds:uri="4ffaaae9-dc8c-459f-a92e-1529c78bcbdb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A7058114-3AEF-48F0-A42D-03AB4FAD3FC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61</TotalTime>
  <Words>113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Anastasia Shimakela</cp:lastModifiedBy>
  <cp:revision>4</cp:revision>
  <dcterms:created xsi:type="dcterms:W3CDTF">2023-06-13T12:34:15Z</dcterms:created>
  <dcterms:modified xsi:type="dcterms:W3CDTF">2024-11-27T13:08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